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3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0420002\Desktop\"/>
    </mc:Choice>
  </mc:AlternateContent>
  <xr:revisionPtr revIDLastSave="0" documentId="13_ncr:1_{860FCD58-16F6-49DA-AA27-8B7A84598AB8}" xr6:coauthVersionLast="41" xr6:coauthVersionMax="41" xr10:uidLastSave="{00000000-0000-0000-0000-000000000000}"/>
  <bookViews>
    <workbookView xWindow="2130" yWindow="1140" windowWidth="23400" windowHeight="13890" activeTab="1" xr2:uid="{00000000-000D-0000-FFFF-FFFF00000000}"/>
  </bookViews>
  <sheets>
    <sheet name="NSJ" sheetId="4" r:id="rId1"/>
    <sheet name="記載見本（NSJ版）" sheetId="5" r:id="rId2"/>
  </sheets>
  <calcPr calcId="145621"/>
  <extLst>
    <ext xmlns:x15="http://schemas.microsoft.com/office/spreadsheetml/2010/11/main" uri="{140A7094-0E35-4892-8432-C4D2E57EDEB5}">
      <x15:workbookPr chartTrackingRefBase="1"/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鈴木 めぐみ</author>
  </authors>
  <commentList>
    <comment ref="B10" authorId="0" shapeId="0" xr:uid="{00000000-0006-0000-0100-000001000000}">
      <text>
        <r>
          <rPr>
            <sz val="9"/>
            <color indexed="81"/>
            <rFont val="MS P ゴシック"/>
            <family val="3"/>
            <charset val="128"/>
          </rPr>
          <t>新規申請or再受験のどちらかを選び、不要な方を消してください</t>
        </r>
      </text>
    </comment>
  </commentList>
</comments>
</file>

<file path=xl/sharedStrings.xml><?xml version="1.0" encoding="utf-8"?>
<sst xmlns="http://schemas.openxmlformats.org/spreadsheetml/2006/main" count="93" uniqueCount="53">
  <si>
    <t>事務局連絡先：書類到着の有無は一切お答えいたしません</t>
    <rPh sb="0" eb="2">
      <t>ジム</t>
    </rPh>
    <rPh sb="2" eb="3">
      <t>キョク</t>
    </rPh>
    <rPh sb="3" eb="6">
      <t>レンラクサキ</t>
    </rPh>
    <rPh sb="7" eb="9">
      <t>ショルイ</t>
    </rPh>
    <rPh sb="9" eb="11">
      <t>トウチャク</t>
    </rPh>
    <rPh sb="12" eb="14">
      <t>ウム</t>
    </rPh>
    <rPh sb="15" eb="17">
      <t>イッサイ</t>
    </rPh>
    <rPh sb="18" eb="19">
      <t>コタ</t>
    </rPh>
    <phoneticPr fontId="1"/>
  </si>
  <si>
    <t>脊椎脊髄外科専門医委員会事務局</t>
  </si>
  <si>
    <t>電話０３－６２６７－４５５０</t>
    <rPh sb="0" eb="2">
      <t>デンワ</t>
    </rPh>
    <phoneticPr fontId="1"/>
  </si>
  <si>
    <t>１.JSSR（日本脊椎脊髄病学会）</t>
    <rPh sb="7" eb="9">
      <t>ニホン</t>
    </rPh>
    <rPh sb="9" eb="11">
      <t>セキツイ</t>
    </rPh>
    <rPh sb="11" eb="13">
      <t>セキズイ</t>
    </rPh>
    <rPh sb="13" eb="14">
      <t>ビョウ</t>
    </rPh>
    <rPh sb="14" eb="16">
      <t>ガッカイ</t>
    </rPh>
    <phoneticPr fontId="1"/>
  </si>
  <si>
    <t>２.NSJ（日本脊髄外科学会）</t>
    <rPh sb="6" eb="8">
      <t>ニホン</t>
    </rPh>
    <rPh sb="8" eb="10">
      <t>セキズイ</t>
    </rPh>
    <rPh sb="10" eb="12">
      <t>ゲカ</t>
    </rPh>
    <rPh sb="12" eb="14">
      <t>ガッカイ</t>
    </rPh>
    <phoneticPr fontId="1"/>
  </si>
  <si>
    <t>1.氏名</t>
    <phoneticPr fontId="1"/>
  </si>
  <si>
    <t>2.所属</t>
    <phoneticPr fontId="1"/>
  </si>
  <si>
    <t>3.所属郵便番号</t>
    <rPh sb="2" eb="4">
      <t>ショゾク</t>
    </rPh>
    <rPh sb="4" eb="8">
      <t>ユウビンバンゴウ</t>
    </rPh>
    <phoneticPr fontId="1"/>
  </si>
  <si>
    <t>□</t>
    <phoneticPr fontId="1"/>
  </si>
  <si>
    <t>問題集に貼付されていた受験票を同封している（コピー不可）</t>
    <rPh sb="0" eb="3">
      <t>モンダイシュウ</t>
    </rPh>
    <rPh sb="4" eb="6">
      <t>チョウフ</t>
    </rPh>
    <rPh sb="11" eb="14">
      <t>ジュケンヒョウ</t>
    </rPh>
    <rPh sb="15" eb="17">
      <t>ドウフウ</t>
    </rPh>
    <rPh sb="25" eb="27">
      <t>フカ</t>
    </rPh>
    <phoneticPr fontId="1"/>
  </si>
  <si>
    <t>受験票の記載項目は、全て記入済みである</t>
    <rPh sb="0" eb="3">
      <t>ジュケンヒョウ</t>
    </rPh>
    <rPh sb="4" eb="6">
      <t>キサイ</t>
    </rPh>
    <rPh sb="6" eb="8">
      <t>コウモク</t>
    </rPh>
    <rPh sb="10" eb="11">
      <t>スベ</t>
    </rPh>
    <rPh sb="12" eb="14">
      <t>キニュウ</t>
    </rPh>
    <rPh sb="14" eb="15">
      <t>ス</t>
    </rPh>
    <phoneticPr fontId="1"/>
  </si>
  <si>
    <t>学会名</t>
    <rPh sb="0" eb="2">
      <t>ガッカイ</t>
    </rPh>
    <rPh sb="2" eb="3">
      <t>メイ</t>
    </rPh>
    <phoneticPr fontId="1"/>
  </si>
  <si>
    <t>１～３のいずれかを選び○をつけてください</t>
    <phoneticPr fontId="1"/>
  </si>
  <si>
    <t>所属学会記入欄（○をつける）</t>
    <rPh sb="0" eb="2">
      <t>ショゾク</t>
    </rPh>
    <rPh sb="2" eb="4">
      <t>ガッカイ</t>
    </rPh>
    <rPh sb="4" eb="6">
      <t>キニュウ</t>
    </rPh>
    <rPh sb="6" eb="7">
      <t>ラン</t>
    </rPh>
    <phoneticPr fontId="1"/>
  </si>
  <si>
    <t>３.両方</t>
    <rPh sb="2" eb="4">
      <t>リョウホウ</t>
    </rPh>
    <phoneticPr fontId="1"/>
  </si>
  <si>
    <t>送付方法は、簡易書留・レターパック等各自で到着確認が可能な方法である</t>
    <rPh sb="0" eb="2">
      <t>ソウフ</t>
    </rPh>
    <rPh sb="2" eb="4">
      <t>ホウホウ</t>
    </rPh>
    <rPh sb="6" eb="8">
      <t>カンイ</t>
    </rPh>
    <rPh sb="8" eb="10">
      <t>カキトメ</t>
    </rPh>
    <rPh sb="17" eb="18">
      <t>トウ</t>
    </rPh>
    <rPh sb="18" eb="20">
      <t>カクジ</t>
    </rPh>
    <rPh sb="21" eb="23">
      <t>トウチャク</t>
    </rPh>
    <rPh sb="23" eb="25">
      <t>カクニン</t>
    </rPh>
    <rPh sb="26" eb="28">
      <t>カノウ</t>
    </rPh>
    <rPh sb="29" eb="31">
      <t>ホウホウ</t>
    </rPh>
    <phoneticPr fontId="1"/>
  </si>
  <si>
    <t>（必須）受験申請前の最終チェック</t>
    <rPh sb="1" eb="3">
      <t>ヒッス</t>
    </rPh>
    <rPh sb="4" eb="6">
      <t>ジュケン</t>
    </rPh>
    <rPh sb="6" eb="8">
      <t>シンセイ</t>
    </rPh>
    <rPh sb="8" eb="9">
      <t>マエ</t>
    </rPh>
    <rPh sb="10" eb="12">
      <t>サイシュウ</t>
    </rPh>
    <phoneticPr fontId="1"/>
  </si>
  <si>
    <t>〒１００－０００３東京都千代田区一ツ橋１－１－１ﾊﾟﾚｽｻｲﾄﾞﾋﾞﾙ　(株)毎日学術ﾌｫｰﾗﾑ内</t>
    <phoneticPr fontId="1"/>
  </si>
  <si>
    <t>E-mail　maf-sekisenmoni@mynavi.jp</t>
    <phoneticPr fontId="1"/>
  </si>
  <si>
    <t>毎日　学</t>
    <rPh sb="0" eb="2">
      <t>マイニチ</t>
    </rPh>
    <rPh sb="3" eb="4">
      <t>ガク</t>
    </rPh>
    <phoneticPr fontId="1"/>
  </si>
  <si>
    <t>学術病院</t>
    <rPh sb="0" eb="2">
      <t>ガクジュツ</t>
    </rPh>
    <rPh sb="2" eb="4">
      <t>ビョウイン</t>
    </rPh>
    <phoneticPr fontId="1"/>
  </si>
  <si>
    <t>100-0003</t>
    <phoneticPr fontId="1"/>
  </si>
  <si>
    <t>4.所属都道府県</t>
    <rPh sb="2" eb="4">
      <t>ショゾク</t>
    </rPh>
    <rPh sb="4" eb="8">
      <t>トドウフケン</t>
    </rPh>
    <phoneticPr fontId="1"/>
  </si>
  <si>
    <t>5.所属都道府県以降の住所</t>
    <rPh sb="2" eb="4">
      <t>ショゾク</t>
    </rPh>
    <rPh sb="4" eb="8">
      <t>トドウフケン</t>
    </rPh>
    <rPh sb="8" eb="10">
      <t>イコウ</t>
    </rPh>
    <rPh sb="11" eb="13">
      <t>ジュウショ</t>
    </rPh>
    <phoneticPr fontId="1"/>
  </si>
  <si>
    <t>6.連絡可能な電話番号</t>
    <rPh sb="2" eb="4">
      <t>レンラク</t>
    </rPh>
    <rPh sb="4" eb="6">
      <t>カノウ</t>
    </rPh>
    <rPh sb="9" eb="11">
      <t>バンゴウ</t>
    </rPh>
    <phoneticPr fontId="1"/>
  </si>
  <si>
    <t>7.E-mail</t>
    <phoneticPr fontId="1"/>
  </si>
  <si>
    <t>8.所属学会</t>
    <rPh sb="2" eb="4">
      <t>ショゾク</t>
    </rPh>
    <rPh sb="4" eb="6">
      <t>ガッカイ</t>
    </rPh>
    <phoneticPr fontId="1"/>
  </si>
  <si>
    <t>9.受験日</t>
    <rPh sb="2" eb="5">
      <t>ジュケンビ</t>
    </rPh>
    <phoneticPr fontId="1"/>
  </si>
  <si>
    <t>東京都</t>
    <rPh sb="0" eb="2">
      <t>トウキョウ</t>
    </rPh>
    <rPh sb="2" eb="3">
      <t>ト</t>
    </rPh>
    <phoneticPr fontId="1"/>
  </si>
  <si>
    <t>千代田区一ツ橋1-1-1</t>
    <rPh sb="0" eb="4">
      <t>チヨダク</t>
    </rPh>
    <rPh sb="4" eb="5">
      <t>ヒト</t>
    </rPh>
    <rPh sb="6" eb="7">
      <t>バシ</t>
    </rPh>
    <phoneticPr fontId="1"/>
  </si>
  <si>
    <t>maf-sekisenmoni@mynavi.jp</t>
    <phoneticPr fontId="1"/>
  </si>
  <si>
    <t>※以下は入力していただく(推奨）か、手書きの場合は楷書で丁寧にご記入ください。</t>
    <rPh sb="1" eb="3">
      <t>イカ</t>
    </rPh>
    <rPh sb="4" eb="6">
      <t>ニュウリョク</t>
    </rPh>
    <rPh sb="13" eb="15">
      <t>スイショウ</t>
    </rPh>
    <rPh sb="18" eb="20">
      <t>テガ</t>
    </rPh>
    <rPh sb="22" eb="24">
      <t>バアイ</t>
    </rPh>
    <rPh sb="25" eb="27">
      <t>カイショ</t>
    </rPh>
    <rPh sb="28" eb="30">
      <t>テイネイ</t>
    </rPh>
    <rPh sb="32" eb="34">
      <t>キニュウ</t>
    </rPh>
    <phoneticPr fontId="1"/>
  </si>
  <si>
    <t>すべてチェック（または■にする）した上で書類を発送してください</t>
    <phoneticPr fontId="1"/>
  </si>
  <si>
    <t>■</t>
  </si>
  <si>
    <t>上記の1～9についてはすべて記入した</t>
    <rPh sb="0" eb="2">
      <t>ジョウキ</t>
    </rPh>
    <rPh sb="14" eb="16">
      <t>キニュウ</t>
    </rPh>
    <phoneticPr fontId="1"/>
  </si>
  <si>
    <t>以下に必要事項を全て明記し、『脊椎脊髄外科専門医問題集』に貼付の受験票とともに、ﾚﾀｰﾊﾟｯｸ・宅配便・簡易書留等、各自で到着確認ができる手段で、以下の事務局までお送りください。</t>
    <rPh sb="0" eb="2">
      <t>イカ</t>
    </rPh>
    <rPh sb="3" eb="5">
      <t>ヒツヨウ</t>
    </rPh>
    <rPh sb="5" eb="7">
      <t>ジコウ</t>
    </rPh>
    <rPh sb="8" eb="9">
      <t>スベ</t>
    </rPh>
    <rPh sb="10" eb="12">
      <t>メイキ</t>
    </rPh>
    <rPh sb="15" eb="17">
      <t>セキツイ</t>
    </rPh>
    <rPh sb="17" eb="19">
      <t>セキズイ</t>
    </rPh>
    <rPh sb="19" eb="21">
      <t>ゲカ</t>
    </rPh>
    <rPh sb="21" eb="24">
      <t>センモンイ</t>
    </rPh>
    <rPh sb="24" eb="27">
      <t>モンダイシュウ</t>
    </rPh>
    <rPh sb="29" eb="31">
      <t>チョウフ</t>
    </rPh>
    <rPh sb="32" eb="35">
      <t>ジュケンヒョウ</t>
    </rPh>
    <rPh sb="48" eb="51">
      <t>タクハイビン</t>
    </rPh>
    <rPh sb="52" eb="54">
      <t>カンイ</t>
    </rPh>
    <rPh sb="54" eb="56">
      <t>カキトメ</t>
    </rPh>
    <rPh sb="56" eb="57">
      <t>トウ</t>
    </rPh>
    <rPh sb="58" eb="60">
      <t>カクジ</t>
    </rPh>
    <rPh sb="61" eb="63">
      <t>トウチャク</t>
    </rPh>
    <rPh sb="63" eb="65">
      <t>カクニン</t>
    </rPh>
    <rPh sb="69" eb="71">
      <t>シュダン</t>
    </rPh>
    <rPh sb="73" eb="75">
      <t>イカ</t>
    </rPh>
    <rPh sb="76" eb="78">
      <t>ジム</t>
    </rPh>
    <rPh sb="78" eb="79">
      <t>キョク</t>
    </rPh>
    <rPh sb="82" eb="83">
      <t>オク</t>
    </rPh>
    <phoneticPr fontId="1"/>
  </si>
  <si>
    <t>7.E-mail</t>
    <phoneticPr fontId="1"/>
  </si>
  <si>
    <t>□</t>
    <phoneticPr fontId="1"/>
  </si>
  <si>
    <t>□</t>
    <phoneticPr fontId="1"/>
  </si>
  <si>
    <t>〒１００－０００３東京都千代田区一ツ橋１－１－１ﾊﾟﾚｽｻｲﾄﾞﾋﾞﾙ　(株)毎日学術ﾌｫｰﾗﾑ内</t>
    <phoneticPr fontId="1"/>
  </si>
  <si>
    <t>1.氏名</t>
    <phoneticPr fontId="1"/>
  </si>
  <si>
    <t>03-6267-4550</t>
    <phoneticPr fontId="1"/>
  </si>
  <si>
    <t>１～３のいずれかを選び○をつけてください</t>
    <phoneticPr fontId="1"/>
  </si>
  <si>
    <t>〇</t>
    <phoneticPr fontId="1"/>
  </si>
  <si>
    <t>ＮＳＪの指導医または認定医または代議員である</t>
    <rPh sb="4" eb="7">
      <t>シドウイ</t>
    </rPh>
    <rPh sb="10" eb="12">
      <t>ニンテイ</t>
    </rPh>
    <rPh sb="12" eb="13">
      <t>イ</t>
    </rPh>
    <rPh sb="16" eb="19">
      <t>ダイギイン</t>
    </rPh>
    <phoneticPr fontId="1"/>
  </si>
  <si>
    <t>０.受験種別</t>
    <rPh sb="2" eb="4">
      <t>ジュケン</t>
    </rPh>
    <rPh sb="4" eb="6">
      <t>シュベツ</t>
    </rPh>
    <phoneticPr fontId="1"/>
  </si>
  <si>
    <t>新規申請</t>
    <rPh sb="0" eb="2">
      <t>シンキ</t>
    </rPh>
    <rPh sb="2" eb="4">
      <t>シンセイ</t>
    </rPh>
    <phoneticPr fontId="1"/>
  </si>
  <si>
    <t>再受験</t>
    <rPh sb="0" eb="3">
      <t>サイジュケン</t>
    </rPh>
    <phoneticPr fontId="1"/>
  </si>
  <si>
    <t>脊椎脊髄外科専門医試験　受験応募用紙</t>
    <rPh sb="0" eb="2">
      <t>セキツイ</t>
    </rPh>
    <rPh sb="2" eb="4">
      <t>セキズイ</t>
    </rPh>
    <rPh sb="4" eb="6">
      <t>ゲカ</t>
    </rPh>
    <rPh sb="6" eb="9">
      <t>センモンイ</t>
    </rPh>
    <rPh sb="9" eb="11">
      <t>シケン</t>
    </rPh>
    <phoneticPr fontId="1"/>
  </si>
  <si>
    <t>送付日は募集期間内（消印有効）である</t>
    <rPh sb="0" eb="2">
      <t>ソウフ</t>
    </rPh>
    <rPh sb="2" eb="3">
      <t>ビ</t>
    </rPh>
    <rPh sb="4" eb="6">
      <t>ボシュウ</t>
    </rPh>
    <rPh sb="6" eb="8">
      <t>キカン</t>
    </rPh>
    <rPh sb="8" eb="9">
      <t>ナイ</t>
    </rPh>
    <rPh sb="10" eb="12">
      <t>ケシイン</t>
    </rPh>
    <rPh sb="12" eb="14">
      <t>ユウコウ</t>
    </rPh>
    <phoneticPr fontId="1"/>
  </si>
  <si>
    <t>2020年9月5日　19：00開始～　20：00まで（1時間）</t>
    <phoneticPr fontId="1"/>
  </si>
  <si>
    <t>会場：TKP品川カンファレンスセンター新館（9階）　ホール9A＋9B＋9C＋9D</t>
  </si>
  <si>
    <t>アクセス：https://www.kashikaigishitsu.net/facilitys/cc-shinagawa-shinkan/access/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b/>
      <sz val="16"/>
      <color theme="1"/>
      <name val="游ゴシック"/>
      <family val="3"/>
      <charset val="128"/>
      <scheme val="minor"/>
    </font>
    <font>
      <sz val="16"/>
      <color theme="1"/>
      <name val="游ゴシック"/>
      <family val="3"/>
      <charset val="128"/>
      <scheme val="minor"/>
    </font>
    <font>
      <sz val="11"/>
      <color rgb="FFFF0000"/>
      <name val="游ゴシック"/>
      <family val="2"/>
      <charset val="128"/>
      <scheme val="minor"/>
    </font>
    <font>
      <u/>
      <sz val="11"/>
      <color theme="10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10"/>
      <color theme="1"/>
      <name val="游ゴシック"/>
      <family val="2"/>
      <charset val="128"/>
      <scheme val="minor"/>
    </font>
    <font>
      <sz val="10"/>
      <name val="游ゴシック"/>
      <family val="3"/>
      <charset val="128"/>
      <scheme val="minor"/>
    </font>
    <font>
      <sz val="10"/>
      <color theme="1"/>
      <name val="游ゴシック"/>
      <family val="3"/>
      <charset val="128"/>
      <scheme val="minor"/>
    </font>
    <font>
      <b/>
      <sz val="11"/>
      <name val="游ゴシック"/>
      <family val="3"/>
      <charset val="128"/>
      <scheme val="minor"/>
    </font>
    <font>
      <sz val="9"/>
      <color indexed="81"/>
      <name val="MS P ゴシック"/>
      <family val="3"/>
      <charset val="128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7" fillId="0" borderId="0" applyNumberFormat="0" applyFill="0" applyBorder="0" applyAlignment="0" applyProtection="0">
      <alignment vertical="center"/>
    </xf>
  </cellStyleXfs>
  <cellXfs count="43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3" xfId="0" applyBorder="1">
      <alignment vertical="center"/>
    </xf>
    <xf numFmtId="0" fontId="0" fillId="0" borderId="2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0" xfId="0" applyBorder="1">
      <alignment vertical="center"/>
    </xf>
    <xf numFmtId="0" fontId="0" fillId="0" borderId="8" xfId="0" applyBorder="1">
      <alignment vertical="center"/>
    </xf>
    <xf numFmtId="0" fontId="0" fillId="0" borderId="11" xfId="0" applyBorder="1">
      <alignment vertical="center"/>
    </xf>
    <xf numFmtId="0" fontId="0" fillId="0" borderId="7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2" fillId="0" borderId="4" xfId="0" applyFont="1" applyBorder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0" fillId="2" borderId="4" xfId="0" applyFill="1" applyBorder="1">
      <alignment vertical="center"/>
    </xf>
    <xf numFmtId="0" fontId="0" fillId="2" borderId="5" xfId="0" applyFill="1" applyBorder="1">
      <alignment vertical="center"/>
    </xf>
    <xf numFmtId="0" fontId="0" fillId="2" borderId="6" xfId="0" applyFill="1" applyBorder="1">
      <alignment vertical="center"/>
    </xf>
    <xf numFmtId="0" fontId="0" fillId="2" borderId="7" xfId="0" applyFill="1" applyBorder="1">
      <alignment vertical="center"/>
    </xf>
    <xf numFmtId="0" fontId="0" fillId="2" borderId="0" xfId="0" applyFill="1" applyBorder="1">
      <alignment vertical="center"/>
    </xf>
    <xf numFmtId="0" fontId="0" fillId="2" borderId="8" xfId="0" applyFill="1" applyBorder="1">
      <alignment vertical="center"/>
    </xf>
    <xf numFmtId="0" fontId="0" fillId="2" borderId="9" xfId="0" applyFill="1" applyBorder="1">
      <alignment vertical="center"/>
    </xf>
    <xf numFmtId="0" fontId="0" fillId="2" borderId="10" xfId="0" applyFill="1" applyBorder="1">
      <alignment vertical="center"/>
    </xf>
    <xf numFmtId="0" fontId="0" fillId="2" borderId="11" xfId="0" applyFill="1" applyBorder="1">
      <alignment vertical="center"/>
    </xf>
    <xf numFmtId="0" fontId="0" fillId="0" borderId="0" xfId="0" applyFill="1">
      <alignment vertical="center"/>
    </xf>
    <xf numFmtId="0" fontId="6" fillId="0" borderId="7" xfId="0" applyFont="1" applyFill="1" applyBorder="1">
      <alignment vertical="center"/>
    </xf>
    <xf numFmtId="0" fontId="0" fillId="0" borderId="3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8" xfId="0" applyFill="1" applyBorder="1">
      <alignment vertical="center"/>
    </xf>
    <xf numFmtId="0" fontId="9" fillId="0" borderId="0" xfId="0" applyFont="1" applyFill="1" applyBorder="1">
      <alignment vertical="center"/>
    </xf>
    <xf numFmtId="0" fontId="10" fillId="0" borderId="0" xfId="0" applyFont="1" applyFill="1" applyBorder="1">
      <alignment vertical="center"/>
    </xf>
    <xf numFmtId="0" fontId="11" fillId="0" borderId="0" xfId="0" applyFont="1" applyFill="1" applyBorder="1">
      <alignment vertical="center"/>
    </xf>
    <xf numFmtId="0" fontId="11" fillId="0" borderId="10" xfId="0" applyFont="1" applyBorder="1">
      <alignment vertical="center"/>
    </xf>
    <xf numFmtId="0" fontId="11" fillId="0" borderId="0" xfId="0" applyFont="1" applyBorder="1">
      <alignment vertical="center"/>
    </xf>
    <xf numFmtId="0" fontId="12" fillId="0" borderId="0" xfId="0" applyFont="1" applyFill="1" applyBorder="1">
      <alignment vertical="center"/>
    </xf>
    <xf numFmtId="0" fontId="8" fillId="0" borderId="12" xfId="0" applyFont="1" applyBorder="1" applyAlignment="1">
      <alignment horizontal="center" vertical="center" wrapText="1"/>
    </xf>
    <xf numFmtId="0" fontId="0" fillId="0" borderId="0" xfId="0" applyAlignment="1">
      <alignment horizontal="left" vertical="center" wrapText="1"/>
    </xf>
    <xf numFmtId="0" fontId="0" fillId="0" borderId="0" xfId="0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7" fillId="0" borderId="0" xfId="1" applyAlignment="1">
      <alignment horizontal="left" vertical="center"/>
    </xf>
    <xf numFmtId="0" fontId="14" fillId="0" borderId="0" xfId="0" applyFont="1">
      <alignment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mailto:maf-sekisenmoni@mynavi.jp" TargetMode="External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33"/>
  <sheetViews>
    <sheetView topLeftCell="A15" zoomScaleNormal="100" workbookViewId="0">
      <selection activeCell="D23" sqref="D23"/>
    </sheetView>
  </sheetViews>
  <sheetFormatPr defaultRowHeight="18.75"/>
  <cols>
    <col min="1" max="1" width="18.5" customWidth="1"/>
    <col min="2" max="2" width="28.5" customWidth="1"/>
    <col min="3" max="3" width="37" customWidth="1"/>
    <col min="4" max="4" width="29.875" bestFit="1" customWidth="1"/>
  </cols>
  <sheetData>
    <row r="1" spans="1:3" s="16" customFormat="1" ht="25.5">
      <c r="A1" s="40" t="s">
        <v>48</v>
      </c>
      <c r="B1" s="40"/>
      <c r="C1" s="40"/>
    </row>
    <row r="2" spans="1:3" s="16" customFormat="1" ht="9.75" customHeight="1">
      <c r="A2" s="40"/>
      <c r="B2" s="40"/>
      <c r="C2" s="40"/>
    </row>
    <row r="3" spans="1:3">
      <c r="A3" s="38" t="s">
        <v>35</v>
      </c>
      <c r="B3" s="38"/>
      <c r="C3" s="38"/>
    </row>
    <row r="4" spans="1:3" ht="19.5" thickBot="1">
      <c r="A4" s="38"/>
      <c r="B4" s="38"/>
      <c r="C4" s="38"/>
    </row>
    <row r="5" spans="1:3">
      <c r="A5" s="17" t="s">
        <v>0</v>
      </c>
      <c r="B5" s="18"/>
      <c r="C5" s="19"/>
    </row>
    <row r="6" spans="1:3">
      <c r="A6" s="20" t="s">
        <v>17</v>
      </c>
      <c r="B6" s="21"/>
      <c r="C6" s="22"/>
    </row>
    <row r="7" spans="1:3">
      <c r="A7" s="20" t="s">
        <v>1</v>
      </c>
      <c r="B7" s="21"/>
      <c r="C7" s="22"/>
    </row>
    <row r="8" spans="1:3" ht="19.5" customHeight="1" thickBot="1">
      <c r="A8" s="23" t="s">
        <v>2</v>
      </c>
      <c r="B8" s="24"/>
      <c r="C8" s="25" t="s">
        <v>18</v>
      </c>
    </row>
    <row r="9" spans="1:3" s="26" customFormat="1" ht="19.5" customHeight="1">
      <c r="A9" s="27" t="s">
        <v>31</v>
      </c>
    </row>
    <row r="10" spans="1:3" s="26" customFormat="1" ht="19.5" customHeight="1">
      <c r="A10" s="36" t="s">
        <v>45</v>
      </c>
      <c r="B10" s="26" t="s">
        <v>46</v>
      </c>
      <c r="C10" s="26" t="s">
        <v>47</v>
      </c>
    </row>
    <row r="11" spans="1:3" ht="19.5">
      <c r="A11" s="13" t="s">
        <v>5</v>
      </c>
      <c r="B11" s="39"/>
      <c r="C11" s="39"/>
    </row>
    <row r="12" spans="1:3" ht="19.5">
      <c r="A12" s="13" t="s">
        <v>6</v>
      </c>
      <c r="B12" s="39"/>
      <c r="C12" s="39"/>
    </row>
    <row r="13" spans="1:3" ht="19.5">
      <c r="A13" s="13" t="s">
        <v>7</v>
      </c>
      <c r="B13" s="39"/>
      <c r="C13" s="39"/>
    </row>
    <row r="14" spans="1:3" ht="19.5">
      <c r="A14" s="13" t="s">
        <v>22</v>
      </c>
      <c r="B14" s="39"/>
      <c r="C14" s="39"/>
    </row>
    <row r="15" spans="1:3" ht="41.25" customHeight="1">
      <c r="A15" s="14" t="s">
        <v>23</v>
      </c>
      <c r="B15" s="39"/>
      <c r="C15" s="39"/>
    </row>
    <row r="16" spans="1:3" ht="39">
      <c r="A16" s="14" t="s">
        <v>24</v>
      </c>
      <c r="B16" s="39"/>
      <c r="C16" s="39"/>
    </row>
    <row r="17" spans="1:3" ht="19.5">
      <c r="A17" s="13" t="s">
        <v>36</v>
      </c>
      <c r="B17" s="41"/>
      <c r="C17" s="39"/>
    </row>
    <row r="18" spans="1:3" ht="14.25" customHeight="1" thickBot="1">
      <c r="A18" s="13" t="s">
        <v>26</v>
      </c>
      <c r="B18" s="3" t="s">
        <v>13</v>
      </c>
      <c r="C18" s="3" t="s">
        <v>11</v>
      </c>
    </row>
    <row r="19" spans="1:3" ht="19.5" thickTop="1">
      <c r="A19" s="37" t="s">
        <v>12</v>
      </c>
      <c r="B19" s="28"/>
      <c r="C19" s="2" t="s">
        <v>3</v>
      </c>
    </row>
    <row r="20" spans="1:3">
      <c r="A20" s="37"/>
      <c r="B20" s="29"/>
      <c r="C20" s="1" t="s">
        <v>4</v>
      </c>
    </row>
    <row r="21" spans="1:3">
      <c r="A21" s="37"/>
      <c r="B21" s="29"/>
      <c r="C21" s="1" t="s">
        <v>14</v>
      </c>
    </row>
    <row r="22" spans="1:3" ht="19.5">
      <c r="A22" s="15" t="s">
        <v>27</v>
      </c>
    </row>
    <row r="23" spans="1:3">
      <c r="A23" t="s">
        <v>50</v>
      </c>
    </row>
    <row r="24" spans="1:3">
      <c r="A24" s="42" t="s">
        <v>51</v>
      </c>
    </row>
    <row r="25" spans="1:3" ht="19.5" thickBot="1">
      <c r="A25" t="s">
        <v>52</v>
      </c>
    </row>
    <row r="26" spans="1:3">
      <c r="A26" s="12" t="s">
        <v>16</v>
      </c>
      <c r="B26" s="4"/>
      <c r="C26" s="5"/>
    </row>
    <row r="27" spans="1:3">
      <c r="A27" s="6" t="s">
        <v>32</v>
      </c>
      <c r="B27" s="7"/>
      <c r="C27" s="8"/>
    </row>
    <row r="28" spans="1:3">
      <c r="A28" s="10" t="s">
        <v>8</v>
      </c>
      <c r="B28" s="35" t="s">
        <v>49</v>
      </c>
      <c r="C28" s="8"/>
    </row>
    <row r="29" spans="1:3">
      <c r="A29" s="10" t="s">
        <v>8</v>
      </c>
      <c r="B29" s="31" t="s">
        <v>34</v>
      </c>
      <c r="C29" s="30"/>
    </row>
    <row r="30" spans="1:3">
      <c r="A30" s="10" t="s">
        <v>8</v>
      </c>
      <c r="B30" s="32" t="s">
        <v>44</v>
      </c>
      <c r="C30" s="30"/>
    </row>
    <row r="31" spans="1:3">
      <c r="A31" s="10" t="s">
        <v>37</v>
      </c>
      <c r="B31" s="33" t="s">
        <v>9</v>
      </c>
      <c r="C31" s="30"/>
    </row>
    <row r="32" spans="1:3">
      <c r="A32" s="10" t="s">
        <v>8</v>
      </c>
      <c r="B32" s="33" t="s">
        <v>10</v>
      </c>
      <c r="C32" s="30"/>
    </row>
    <row r="33" spans="1:3" ht="19.5" thickBot="1">
      <c r="A33" s="11" t="s">
        <v>38</v>
      </c>
      <c r="B33" s="34" t="s">
        <v>15</v>
      </c>
      <c r="C33" s="9"/>
    </row>
  </sheetData>
  <mergeCells count="11">
    <mergeCell ref="A19:A21"/>
    <mergeCell ref="B16:C16"/>
    <mergeCell ref="A1:C1"/>
    <mergeCell ref="A2:C2"/>
    <mergeCell ref="A3:C4"/>
    <mergeCell ref="B17:C17"/>
    <mergeCell ref="B11:C11"/>
    <mergeCell ref="B12:C12"/>
    <mergeCell ref="B13:C13"/>
    <mergeCell ref="B14:C14"/>
    <mergeCell ref="B15:C15"/>
  </mergeCells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C33"/>
  <sheetViews>
    <sheetView tabSelected="1" zoomScaleNormal="100" workbookViewId="0">
      <selection activeCell="D24" sqref="D24"/>
    </sheetView>
  </sheetViews>
  <sheetFormatPr defaultRowHeight="18.75"/>
  <cols>
    <col min="1" max="1" width="18.5" customWidth="1"/>
    <col min="2" max="2" width="28.5" customWidth="1"/>
    <col min="3" max="3" width="37" customWidth="1"/>
    <col min="4" max="4" width="29.875" bestFit="1" customWidth="1"/>
  </cols>
  <sheetData>
    <row r="1" spans="1:3" s="16" customFormat="1" ht="25.5">
      <c r="A1" s="40" t="s">
        <v>48</v>
      </c>
      <c r="B1" s="40"/>
      <c r="C1" s="40"/>
    </row>
    <row r="2" spans="1:3" s="16" customFormat="1" ht="9.75" customHeight="1">
      <c r="A2" s="40"/>
      <c r="B2" s="40"/>
      <c r="C2" s="40"/>
    </row>
    <row r="3" spans="1:3">
      <c r="A3" s="38" t="s">
        <v>35</v>
      </c>
      <c r="B3" s="38"/>
      <c r="C3" s="38"/>
    </row>
    <row r="4" spans="1:3" ht="19.5" thickBot="1">
      <c r="A4" s="38"/>
      <c r="B4" s="38"/>
      <c r="C4" s="38"/>
    </row>
    <row r="5" spans="1:3">
      <c r="A5" s="17" t="s">
        <v>0</v>
      </c>
      <c r="B5" s="18"/>
      <c r="C5" s="19"/>
    </row>
    <row r="6" spans="1:3">
      <c r="A6" s="20" t="s">
        <v>39</v>
      </c>
      <c r="B6" s="21"/>
      <c r="C6" s="22"/>
    </row>
    <row r="7" spans="1:3">
      <c r="A7" s="20" t="s">
        <v>1</v>
      </c>
      <c r="B7" s="21"/>
      <c r="C7" s="22"/>
    </row>
    <row r="8" spans="1:3" ht="19.5" customHeight="1" thickBot="1">
      <c r="A8" s="23" t="s">
        <v>2</v>
      </c>
      <c r="B8" s="24"/>
      <c r="C8" s="25" t="s">
        <v>18</v>
      </c>
    </row>
    <row r="9" spans="1:3" s="26" customFormat="1" ht="19.5" customHeight="1">
      <c r="A9" s="27" t="s">
        <v>31</v>
      </c>
    </row>
    <row r="10" spans="1:3" s="26" customFormat="1" ht="19.5" customHeight="1">
      <c r="A10" s="36" t="s">
        <v>45</v>
      </c>
      <c r="B10" s="26" t="s">
        <v>46</v>
      </c>
    </row>
    <row r="11" spans="1:3" ht="19.5">
      <c r="A11" s="13" t="s">
        <v>40</v>
      </c>
      <c r="B11" s="39" t="s">
        <v>19</v>
      </c>
      <c r="C11" s="39"/>
    </row>
    <row r="12" spans="1:3" ht="19.5">
      <c r="A12" s="13" t="s">
        <v>6</v>
      </c>
      <c r="B12" s="39" t="s">
        <v>20</v>
      </c>
      <c r="C12" s="39"/>
    </row>
    <row r="13" spans="1:3" ht="19.5">
      <c r="A13" s="13" t="s">
        <v>7</v>
      </c>
      <c r="B13" s="39" t="s">
        <v>21</v>
      </c>
      <c r="C13" s="39"/>
    </row>
    <row r="14" spans="1:3" ht="19.5">
      <c r="A14" s="13" t="s">
        <v>22</v>
      </c>
      <c r="B14" s="39" t="s">
        <v>28</v>
      </c>
      <c r="C14" s="39"/>
    </row>
    <row r="15" spans="1:3" ht="41.25" customHeight="1">
      <c r="A15" s="14" t="s">
        <v>23</v>
      </c>
      <c r="B15" s="39" t="s">
        <v>29</v>
      </c>
      <c r="C15" s="39"/>
    </row>
    <row r="16" spans="1:3" ht="39">
      <c r="A16" s="14" t="s">
        <v>24</v>
      </c>
      <c r="B16" s="39" t="s">
        <v>41</v>
      </c>
      <c r="C16" s="39"/>
    </row>
    <row r="17" spans="1:3" ht="19.5">
      <c r="A17" s="13" t="s">
        <v>25</v>
      </c>
      <c r="B17" s="41" t="s">
        <v>30</v>
      </c>
      <c r="C17" s="39"/>
    </row>
    <row r="18" spans="1:3" ht="14.25" customHeight="1" thickBot="1">
      <c r="A18" s="13" t="s">
        <v>26</v>
      </c>
      <c r="B18" s="3" t="s">
        <v>13</v>
      </c>
      <c r="C18" s="3" t="s">
        <v>11</v>
      </c>
    </row>
    <row r="19" spans="1:3" ht="19.5" thickTop="1">
      <c r="A19" s="37" t="s">
        <v>42</v>
      </c>
      <c r="B19" s="28"/>
      <c r="C19" s="2" t="s">
        <v>3</v>
      </c>
    </row>
    <row r="20" spans="1:3">
      <c r="A20" s="37"/>
      <c r="B20" s="29" t="s">
        <v>43</v>
      </c>
      <c r="C20" s="1" t="s">
        <v>4</v>
      </c>
    </row>
    <row r="21" spans="1:3">
      <c r="A21" s="37"/>
      <c r="B21" s="29"/>
      <c r="C21" s="1" t="s">
        <v>14</v>
      </c>
    </row>
    <row r="22" spans="1:3" ht="19.5">
      <c r="A22" s="15" t="s">
        <v>27</v>
      </c>
    </row>
    <row r="23" spans="1:3">
      <c r="A23" t="s">
        <v>50</v>
      </c>
    </row>
    <row r="24" spans="1:3">
      <c r="A24" s="42" t="s">
        <v>51</v>
      </c>
    </row>
    <row r="25" spans="1:3" ht="19.5" thickBot="1">
      <c r="A25" t="s">
        <v>52</v>
      </c>
    </row>
    <row r="26" spans="1:3">
      <c r="A26" s="12" t="s">
        <v>16</v>
      </c>
      <c r="B26" s="4"/>
      <c r="C26" s="5"/>
    </row>
    <row r="27" spans="1:3">
      <c r="A27" s="6" t="s">
        <v>32</v>
      </c>
      <c r="B27" s="7"/>
      <c r="C27" s="8"/>
    </row>
    <row r="28" spans="1:3">
      <c r="A28" s="10" t="s">
        <v>33</v>
      </c>
      <c r="B28" s="35" t="s">
        <v>49</v>
      </c>
      <c r="C28" s="8"/>
    </row>
    <row r="29" spans="1:3">
      <c r="A29" s="10" t="s">
        <v>33</v>
      </c>
      <c r="B29" s="31" t="s">
        <v>34</v>
      </c>
      <c r="C29" s="30"/>
    </row>
    <row r="30" spans="1:3">
      <c r="A30" s="10" t="s">
        <v>33</v>
      </c>
      <c r="B30" s="32" t="s">
        <v>44</v>
      </c>
      <c r="C30" s="30"/>
    </row>
    <row r="31" spans="1:3">
      <c r="A31" s="10" t="s">
        <v>33</v>
      </c>
      <c r="B31" s="33" t="s">
        <v>9</v>
      </c>
      <c r="C31" s="30"/>
    </row>
    <row r="32" spans="1:3">
      <c r="A32" s="10" t="s">
        <v>33</v>
      </c>
      <c r="B32" s="33" t="s">
        <v>10</v>
      </c>
      <c r="C32" s="30"/>
    </row>
    <row r="33" spans="1:3" ht="19.5" thickBot="1">
      <c r="A33" s="11" t="s">
        <v>33</v>
      </c>
      <c r="B33" s="34" t="s">
        <v>15</v>
      </c>
      <c r="C33" s="9"/>
    </row>
  </sheetData>
  <mergeCells count="11">
    <mergeCell ref="B16:C16"/>
    <mergeCell ref="B17:C17"/>
    <mergeCell ref="A19:A21"/>
    <mergeCell ref="B14:C14"/>
    <mergeCell ref="B15:C15"/>
    <mergeCell ref="B13:C13"/>
    <mergeCell ref="A1:C1"/>
    <mergeCell ref="A2:C2"/>
    <mergeCell ref="A3:C4"/>
    <mergeCell ref="B11:C11"/>
    <mergeCell ref="B12:C12"/>
  </mergeCells>
  <phoneticPr fontId="1"/>
  <hyperlinks>
    <hyperlink ref="B17" r:id="rId1" xr:uid="{00000000-0004-0000-0100-000000000000}"/>
  </hyperlinks>
  <pageMargins left="0.7" right="0.7" top="0.75" bottom="0.75" header="0.3" footer="0.3"/>
  <pageSetup paperSize="9" scale="95" orientation="portrait"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NSJ</vt:lpstr>
      <vt:lpstr>記載見本（NSJ版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akudou</dc:creator>
  <cp:lastModifiedBy>橋本 顕二</cp:lastModifiedBy>
  <cp:lastPrinted>2017-04-27T10:47:00Z</cp:lastPrinted>
  <dcterms:created xsi:type="dcterms:W3CDTF">2017-04-14T01:46:04Z</dcterms:created>
  <dcterms:modified xsi:type="dcterms:W3CDTF">2020-06-24T08:33:58Z</dcterms:modified>
</cp:coreProperties>
</file>